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2268" yWindow="1800" windowWidth="13092" windowHeight="871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8</definedName>
  </definedNames>
  <calcPr calcId="152511"/>
</workbook>
</file>

<file path=xl/sharedStrings.xml><?xml version="1.0" encoding="utf-8"?>
<sst xmlns="http://schemas.openxmlformats.org/spreadsheetml/2006/main" count="1182" uniqueCount="888">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032</t>
    <phoneticPr fontId="1"/>
  </si>
  <si>
    <t>159</t>
    <phoneticPr fontId="1"/>
  </si>
  <si>
    <t>大富豪からの手紙</t>
    <rPh sb="0" eb="3">
      <t>ダイフゴウ</t>
    </rPh>
    <rPh sb="6" eb="8">
      <t>テガミ</t>
    </rPh>
    <phoneticPr fontId="1"/>
  </si>
  <si>
    <t>本田　健</t>
    <rPh sb="0" eb="2">
      <t>ホンダ</t>
    </rPh>
    <rPh sb="3" eb="4">
      <t>ケン</t>
    </rPh>
    <phoneticPr fontId="1"/>
  </si>
  <si>
    <t>ダイヤモンド社</t>
    <rPh sb="6" eb="7">
      <t>シャ</t>
    </rPh>
    <phoneticPr fontId="1"/>
  </si>
  <si>
    <t>人生訓</t>
    <rPh sb="0" eb="2">
      <t>ジンセイ</t>
    </rPh>
    <rPh sb="2" eb="3">
      <t>クン</t>
    </rPh>
    <phoneticPr fontId="1"/>
  </si>
  <si>
    <t>幸せを招く世界のしるし</t>
    <rPh sb="0" eb="1">
      <t>シアワ</t>
    </rPh>
    <rPh sb="3" eb="4">
      <t>マネ</t>
    </rPh>
    <rPh sb="5" eb="7">
      <t>セカイ</t>
    </rPh>
    <phoneticPr fontId="1"/>
  </si>
  <si>
    <t>米澤　敬</t>
    <rPh sb="0" eb="2">
      <t>ヨネザワ</t>
    </rPh>
    <rPh sb="3" eb="4">
      <t>ケイ</t>
    </rPh>
    <phoneticPr fontId="1"/>
  </si>
  <si>
    <t>創元社</t>
    <rPh sb="0" eb="3">
      <t>ソウゲンシャ</t>
    </rPh>
    <phoneticPr fontId="1"/>
  </si>
  <si>
    <t>民間信仰　迷信</t>
    <rPh sb="0" eb="2">
      <t>ミンカン</t>
    </rPh>
    <rPh sb="2" eb="4">
      <t>シンコウ</t>
    </rPh>
    <rPh sb="5" eb="7">
      <t>メイシン</t>
    </rPh>
    <phoneticPr fontId="1"/>
  </si>
  <si>
    <t>ライオンのおやつ</t>
    <phoneticPr fontId="1"/>
  </si>
  <si>
    <t>小川　糸</t>
    <rPh sb="0" eb="2">
      <t>オガワ</t>
    </rPh>
    <rPh sb="3" eb="4">
      <t>イト</t>
    </rPh>
    <phoneticPr fontId="1"/>
  </si>
  <si>
    <t>ポプラ社</t>
    <rPh sb="3" eb="4">
      <t>シャ</t>
    </rPh>
    <phoneticPr fontId="1"/>
  </si>
  <si>
    <t>終末医療</t>
    <rPh sb="0" eb="4">
      <t>シュウマツイリョウ</t>
    </rPh>
    <phoneticPr fontId="1"/>
  </si>
  <si>
    <t>ひと</t>
    <phoneticPr fontId="1"/>
  </si>
  <si>
    <t>祥伝社</t>
    <rPh sb="0" eb="3">
      <t>ショウデンシャ</t>
    </rPh>
    <phoneticPr fontId="1"/>
  </si>
  <si>
    <t>蜜蜂と遠雷</t>
    <rPh sb="0" eb="2">
      <t>ミツバチ</t>
    </rPh>
    <rPh sb="3" eb="5">
      <t>エンライ</t>
    </rPh>
    <phoneticPr fontId="1"/>
  </si>
  <si>
    <t>恩田　陸</t>
    <rPh sb="0" eb="2">
      <t>オンダ</t>
    </rPh>
    <rPh sb="3" eb="4">
      <t>リク</t>
    </rPh>
    <phoneticPr fontId="1"/>
  </si>
  <si>
    <t>小野寺　史宜</t>
    <rPh sb="0" eb="3">
      <t>オノデラ</t>
    </rPh>
    <rPh sb="4" eb="5">
      <t>フミ</t>
    </rPh>
    <rPh sb="5" eb="6">
      <t>ギ</t>
    </rPh>
    <phoneticPr fontId="1"/>
  </si>
  <si>
    <t>幻冬舎</t>
    <rPh sb="0" eb="3">
      <t>ゲントウシャ</t>
    </rPh>
    <phoneticPr fontId="1"/>
  </si>
  <si>
    <t>夜のピクニック</t>
    <rPh sb="0" eb="1">
      <t>ヨル</t>
    </rPh>
    <phoneticPr fontId="1"/>
  </si>
  <si>
    <t>新潮社</t>
    <rPh sb="0" eb="3">
      <t>シンチョウシャ</t>
    </rPh>
    <phoneticPr fontId="1"/>
  </si>
  <si>
    <t>ジェノサイド</t>
    <phoneticPr fontId="1"/>
  </si>
  <si>
    <t>高野　和明</t>
    <rPh sb="0" eb="2">
      <t>タカノ</t>
    </rPh>
    <rPh sb="3" eb="5">
      <t>カズアキ</t>
    </rPh>
    <phoneticPr fontId="1"/>
  </si>
  <si>
    <t>角川書店</t>
    <rPh sb="0" eb="4">
      <t>カドカワショテン</t>
    </rPh>
    <phoneticPr fontId="1"/>
  </si>
  <si>
    <t>かがみの孤城</t>
    <rPh sb="4" eb="6">
      <t>コジョウ</t>
    </rPh>
    <phoneticPr fontId="1"/>
  </si>
  <si>
    <t>辻村　深月</t>
    <rPh sb="0" eb="2">
      <t>ツジムラ</t>
    </rPh>
    <rPh sb="3" eb="5">
      <t>ミツキ</t>
    </rPh>
    <phoneticPr fontId="1"/>
  </si>
  <si>
    <t>孤宿の人　上下巻</t>
    <rPh sb="0" eb="1">
      <t>コ</t>
    </rPh>
    <rPh sb="1" eb="2">
      <t>シュク</t>
    </rPh>
    <rPh sb="3" eb="4">
      <t>ヒト</t>
    </rPh>
    <rPh sb="5" eb="7">
      <t>ジョウゲ</t>
    </rPh>
    <rPh sb="7" eb="8">
      <t>カン</t>
    </rPh>
    <phoneticPr fontId="1"/>
  </si>
  <si>
    <t>宮部みゆき</t>
    <rPh sb="0" eb="2">
      <t>ミヤベ</t>
    </rPh>
    <phoneticPr fontId="1"/>
  </si>
  <si>
    <t>新人物往来社</t>
    <rPh sb="0" eb="1">
      <t>シン</t>
    </rPh>
    <rPh sb="1" eb="3">
      <t>ジンブツ</t>
    </rPh>
    <rPh sb="3" eb="6">
      <t>オウライシャ</t>
    </rPh>
    <phoneticPr fontId="1"/>
  </si>
  <si>
    <t>少年と犬</t>
    <rPh sb="0" eb="2">
      <t>ショウネン</t>
    </rPh>
    <rPh sb="3" eb="4">
      <t>イヌ</t>
    </rPh>
    <phoneticPr fontId="1"/>
  </si>
  <si>
    <t>馳　星周</t>
    <rPh sb="0" eb="1">
      <t>ハセ</t>
    </rPh>
    <rPh sb="2" eb="4">
      <t>セイシュウ</t>
    </rPh>
    <phoneticPr fontId="1"/>
  </si>
  <si>
    <t>文藝春秋</t>
    <rPh sb="0" eb="4">
      <t>ブンゲイシュンジュウ</t>
    </rPh>
    <phoneticPr fontId="1"/>
  </si>
  <si>
    <t>593</t>
    <phoneticPr fontId="1"/>
  </si>
  <si>
    <t>繕う暮らし</t>
    <rPh sb="0" eb="1">
      <t>ツクロ</t>
    </rPh>
    <rPh sb="2" eb="3">
      <t>ク</t>
    </rPh>
    <phoneticPr fontId="1"/>
  </si>
  <si>
    <t>ミスミノリコ</t>
    <phoneticPr fontId="1"/>
  </si>
  <si>
    <t>主婦と生活社</t>
    <rPh sb="0" eb="2">
      <t>シュフ</t>
    </rPh>
    <rPh sb="3" eb="6">
      <t>セイカツシャ</t>
    </rPh>
    <phoneticPr fontId="1"/>
  </si>
  <si>
    <t>梨の子ペリーナ</t>
    <rPh sb="0" eb="1">
      <t>ナシ</t>
    </rPh>
    <rPh sb="2" eb="3">
      <t>コ</t>
    </rPh>
    <phoneticPr fontId="1"/>
  </si>
  <si>
    <t>BL出版</t>
    <rPh sb="2" eb="4">
      <t>シュッパン</t>
    </rPh>
    <phoneticPr fontId="1"/>
  </si>
  <si>
    <t>イタリアの昔話</t>
    <rPh sb="5" eb="7">
      <t>ムカシバナシ</t>
    </rPh>
    <phoneticPr fontId="1"/>
  </si>
  <si>
    <t>つるかめつるかめ</t>
    <phoneticPr fontId="1"/>
  </si>
  <si>
    <t>中脇初枝</t>
    <rPh sb="0" eb="4">
      <t>ナカワキハツエ</t>
    </rPh>
    <phoneticPr fontId="1"/>
  </si>
  <si>
    <t>あすなろ書房</t>
    <rPh sb="4" eb="6">
      <t>ショボウ</t>
    </rPh>
    <phoneticPr fontId="1"/>
  </si>
  <si>
    <t>日本各地に伝わるおまじないを紹介</t>
    <rPh sb="0" eb="2">
      <t>ニホン</t>
    </rPh>
    <rPh sb="2" eb="4">
      <t>カクチ</t>
    </rPh>
    <rPh sb="5" eb="6">
      <t>ツタ</t>
    </rPh>
    <rPh sb="14" eb="16">
      <t>ショウカイ</t>
    </rPh>
    <phoneticPr fontId="1"/>
  </si>
  <si>
    <t>人は一人では生きられない</t>
    <rPh sb="0" eb="1">
      <t>ヒト</t>
    </rPh>
    <rPh sb="2" eb="4">
      <t>ヒトリ</t>
    </rPh>
    <rPh sb="6" eb="7">
      <t>イ</t>
    </rPh>
    <phoneticPr fontId="1"/>
  </si>
  <si>
    <t>ピアノコンクールでの悲喜物語</t>
    <rPh sb="10" eb="12">
      <t>ヒキ</t>
    </rPh>
    <rPh sb="12" eb="14">
      <t>モノガタリ</t>
    </rPh>
    <phoneticPr fontId="1"/>
  </si>
  <si>
    <t>ウィルスと戦う現在、一番マッチしている物語</t>
    <rPh sb="5" eb="6">
      <t>タタカ</t>
    </rPh>
    <rPh sb="7" eb="9">
      <t>ゲンザイ</t>
    </rPh>
    <rPh sb="10" eb="12">
      <t>イチバン</t>
    </rPh>
    <rPh sb="19" eb="21">
      <t>モノガタリ</t>
    </rPh>
    <phoneticPr fontId="1"/>
  </si>
  <si>
    <t>生きるのに、不器用な人向け</t>
    <rPh sb="0" eb="1">
      <t>イ</t>
    </rPh>
    <rPh sb="6" eb="9">
      <t>ブキヨウ</t>
    </rPh>
    <rPh sb="10" eb="11">
      <t>ヒト</t>
    </rPh>
    <rPh sb="11" eb="12">
      <t>ム</t>
    </rPh>
    <phoneticPr fontId="1"/>
  </si>
  <si>
    <t>時間の合間に繕いものをして、生活を楽しもうとする人向け</t>
    <rPh sb="0" eb="2">
      <t>ジカン</t>
    </rPh>
    <rPh sb="3" eb="5">
      <t>アイマ</t>
    </rPh>
    <rPh sb="6" eb="7">
      <t>ツクロ</t>
    </rPh>
    <rPh sb="14" eb="16">
      <t>セイカツ</t>
    </rPh>
    <rPh sb="17" eb="18">
      <t>タノ</t>
    </rPh>
    <rPh sb="24" eb="25">
      <t>ヒト</t>
    </rPh>
    <rPh sb="25" eb="26">
      <t>ム</t>
    </rPh>
    <phoneticPr fontId="1"/>
  </si>
  <si>
    <t>字のないはがき</t>
    <rPh sb="0" eb="1">
      <t>ジ</t>
    </rPh>
    <phoneticPr fontId="1"/>
  </si>
  <si>
    <t>向田邦子</t>
    <rPh sb="0" eb="4">
      <t>ムコウダクニコ</t>
    </rPh>
    <phoneticPr fontId="1"/>
  </si>
  <si>
    <t>小学館</t>
    <rPh sb="0" eb="3">
      <t>ショウガクカン</t>
    </rPh>
    <phoneticPr fontId="1"/>
  </si>
  <si>
    <t>ｴｯｾｲを絵本にしました、戦争中の出来事</t>
    <rPh sb="5" eb="7">
      <t>エホン</t>
    </rPh>
    <rPh sb="13" eb="16">
      <t>センソウチュウ</t>
    </rPh>
    <rPh sb="17" eb="20">
      <t>デキゴト</t>
    </rPh>
    <phoneticPr fontId="1"/>
  </si>
  <si>
    <t>916</t>
    <phoneticPr fontId="1"/>
  </si>
  <si>
    <t>まんが少年、空を飛ぶ</t>
    <rPh sb="3" eb="5">
      <t>ショウネン</t>
    </rPh>
    <rPh sb="6" eb="7">
      <t>ソラ</t>
    </rPh>
    <rPh sb="8" eb="9">
      <t>ト</t>
    </rPh>
    <phoneticPr fontId="1"/>
  </si>
  <si>
    <t>山崎祐則</t>
    <rPh sb="0" eb="2">
      <t>ヤマザキ</t>
    </rPh>
    <rPh sb="2" eb="3">
      <t>ユウ</t>
    </rPh>
    <rPh sb="3" eb="4">
      <t>ノリ</t>
    </rPh>
    <phoneticPr fontId="1"/>
  </si>
  <si>
    <t>偕成社</t>
    <rPh sb="0" eb="3">
      <t>カイセイシャ</t>
    </rPh>
    <phoneticPr fontId="1"/>
  </si>
  <si>
    <t>特攻隊員が描いた漫画は、家族宛のものでした</t>
    <rPh sb="0" eb="4">
      <t>トッコウタイイン</t>
    </rPh>
    <rPh sb="5" eb="6">
      <t>エガ</t>
    </rPh>
    <rPh sb="8" eb="10">
      <t>マンガ</t>
    </rPh>
    <rPh sb="12" eb="14">
      <t>カゾク</t>
    </rPh>
    <rPh sb="14" eb="15">
      <t>アテ</t>
    </rPh>
    <phoneticPr fontId="1"/>
  </si>
  <si>
    <t>596</t>
    <phoneticPr fontId="1"/>
  </si>
  <si>
    <t>ぐっち夫婦の下味冷凍で毎日すぐできごはん</t>
    <rPh sb="3" eb="5">
      <t>フウフ</t>
    </rPh>
    <rPh sb="6" eb="10">
      <t>シタアジレイトウ</t>
    </rPh>
    <rPh sb="11" eb="13">
      <t>マイニチ</t>
    </rPh>
    <phoneticPr fontId="1"/>
  </si>
  <si>
    <t>ぐっち夫婦</t>
    <rPh sb="3" eb="5">
      <t>フウフ</t>
    </rPh>
    <phoneticPr fontId="1"/>
  </si>
  <si>
    <t>扶桑社</t>
    <rPh sb="0" eb="3">
      <t>フソウシャ</t>
    </rPh>
    <phoneticPr fontId="1"/>
  </si>
  <si>
    <t>あかいくつ</t>
    <phoneticPr fontId="1"/>
  </si>
  <si>
    <t>こまざわ　まさこ</t>
    <phoneticPr fontId="1"/>
  </si>
  <si>
    <t>銀の鈴社</t>
    <rPh sb="0" eb="1">
      <t>ギン</t>
    </rPh>
    <rPh sb="2" eb="3">
      <t>スズ</t>
    </rPh>
    <rPh sb="3" eb="4">
      <t>シャ</t>
    </rPh>
    <phoneticPr fontId="1"/>
  </si>
  <si>
    <t>小さな頃に母を亡くした女の子が大人になってから、母から誕生日プレゼントの赤い靴を履いた、その日に不思議な出来事があった</t>
    <rPh sb="0" eb="1">
      <t>チイ</t>
    </rPh>
    <rPh sb="3" eb="4">
      <t>コロ</t>
    </rPh>
    <rPh sb="5" eb="6">
      <t>ハハ</t>
    </rPh>
    <rPh sb="7" eb="8">
      <t>ナ</t>
    </rPh>
    <rPh sb="11" eb="12">
      <t>オンナ</t>
    </rPh>
    <rPh sb="13" eb="14">
      <t>コ</t>
    </rPh>
    <rPh sb="15" eb="17">
      <t>オトナ</t>
    </rPh>
    <rPh sb="24" eb="25">
      <t>ハハ</t>
    </rPh>
    <rPh sb="27" eb="30">
      <t>タンジョウビ</t>
    </rPh>
    <rPh sb="36" eb="37">
      <t>アカ</t>
    </rPh>
    <rPh sb="38" eb="39">
      <t>クツ</t>
    </rPh>
    <rPh sb="40" eb="41">
      <t>ハ</t>
    </rPh>
    <rPh sb="46" eb="47">
      <t>ヒ</t>
    </rPh>
    <rPh sb="48" eb="51">
      <t>フシギ</t>
    </rPh>
    <rPh sb="52" eb="55">
      <t>デキゴト</t>
    </rPh>
    <phoneticPr fontId="1"/>
  </si>
  <si>
    <t>長谷川摂子</t>
    <rPh sb="0" eb="3">
      <t>ハセガワ</t>
    </rPh>
    <rPh sb="3" eb="5">
      <t>セツコ</t>
    </rPh>
    <phoneticPr fontId="1"/>
  </si>
  <si>
    <t>福音館書店</t>
    <rPh sb="0" eb="1">
      <t>フク</t>
    </rPh>
    <rPh sb="1" eb="2">
      <t>オト</t>
    </rPh>
    <rPh sb="2" eb="3">
      <t>カン</t>
    </rPh>
    <rPh sb="3" eb="5">
      <t>ショテン</t>
    </rPh>
    <phoneticPr fontId="1"/>
  </si>
  <si>
    <t>ルリユールおじさん</t>
    <phoneticPr fontId="1"/>
  </si>
  <si>
    <t>いせ　ひでこ</t>
    <phoneticPr fontId="1"/>
  </si>
  <si>
    <t>講談社</t>
    <rPh sb="0" eb="3">
      <t>コウダンシャ</t>
    </rPh>
    <phoneticPr fontId="1"/>
  </si>
  <si>
    <t>大好きな植物図鑑の本を修理してもらいました。少女は大人になり、植物学の研究者です</t>
    <rPh sb="0" eb="2">
      <t>ダイス</t>
    </rPh>
    <rPh sb="4" eb="6">
      <t>ショクブツ</t>
    </rPh>
    <rPh sb="6" eb="8">
      <t>ズカン</t>
    </rPh>
    <rPh sb="9" eb="10">
      <t>ホン</t>
    </rPh>
    <rPh sb="11" eb="13">
      <t>シュウリ</t>
    </rPh>
    <rPh sb="22" eb="24">
      <t>ショウジョ</t>
    </rPh>
    <rPh sb="25" eb="27">
      <t>オトナ</t>
    </rPh>
    <rPh sb="31" eb="34">
      <t>ショクブツガク</t>
    </rPh>
    <rPh sb="35" eb="38">
      <t>ケンキュウシャ</t>
    </rPh>
    <phoneticPr fontId="1"/>
  </si>
  <si>
    <t>現在、家ごはん主流です</t>
    <rPh sb="0" eb="2">
      <t>ゲンザイ</t>
    </rPh>
    <rPh sb="3" eb="4">
      <t>イエ</t>
    </rPh>
    <rPh sb="7" eb="9">
      <t>シュリュウ</t>
    </rPh>
    <phoneticPr fontId="1"/>
  </si>
  <si>
    <t>天女銭湯</t>
    <rPh sb="0" eb="4">
      <t>テンニョセントウ</t>
    </rPh>
    <phoneticPr fontId="1"/>
  </si>
  <si>
    <t>ペク・ヒナ</t>
    <phoneticPr fontId="1"/>
  </si>
  <si>
    <t>ブロンズ新社</t>
    <rPh sb="4" eb="6">
      <t>シンシャ</t>
    </rPh>
    <phoneticPr fontId="1"/>
  </si>
  <si>
    <t>銭湯で水風呂が大好きな少女が出会った天女おばあさんとの話</t>
    <rPh sb="0" eb="2">
      <t>セントウ</t>
    </rPh>
    <rPh sb="3" eb="4">
      <t>ミズ</t>
    </rPh>
    <rPh sb="4" eb="6">
      <t>ブロ</t>
    </rPh>
    <rPh sb="7" eb="9">
      <t>ダイス</t>
    </rPh>
    <rPh sb="11" eb="13">
      <t>ショウジョ</t>
    </rPh>
    <rPh sb="14" eb="16">
      <t>デア</t>
    </rPh>
    <rPh sb="18" eb="20">
      <t>テンニョ</t>
    </rPh>
    <rPh sb="27" eb="28">
      <t>ハナシ</t>
    </rPh>
    <phoneticPr fontId="1"/>
  </si>
  <si>
    <t>726</t>
    <phoneticPr fontId="1"/>
  </si>
  <si>
    <t>めっきらもっきら　どおんどん</t>
    <phoneticPr fontId="1"/>
  </si>
  <si>
    <t>913</t>
    <phoneticPr fontId="1"/>
  </si>
  <si>
    <t>387</t>
    <phoneticPr fontId="1"/>
  </si>
  <si>
    <t>913</t>
    <phoneticPr fontId="1"/>
  </si>
  <si>
    <t>イタロ・ｶﾙｳﾞｨｰﾉ</t>
    <phoneticPr fontId="1"/>
  </si>
  <si>
    <t>釜利谷</t>
    <rPh sb="0" eb="3">
      <t>カマリヤ</t>
    </rPh>
    <phoneticPr fontId="1"/>
  </si>
  <si>
    <t>高等学校</t>
    <rPh sb="0" eb="2">
      <t>コウトウ</t>
    </rPh>
    <rPh sb="2" eb="4">
      <t>ガッコウ</t>
    </rPh>
    <phoneticPr fontId="1"/>
  </si>
  <si>
    <t>幼い女子が自分の人生に負けず、最後に自身の宝と出会う話</t>
    <rPh sb="0" eb="1">
      <t>オサナ</t>
    </rPh>
    <rPh sb="2" eb="4">
      <t>ジョシ</t>
    </rPh>
    <rPh sb="5" eb="7">
      <t>ジブン</t>
    </rPh>
    <rPh sb="8" eb="10">
      <t>ジンセイ</t>
    </rPh>
    <rPh sb="11" eb="12">
      <t>マ</t>
    </rPh>
    <rPh sb="15" eb="17">
      <t>サイゴ</t>
    </rPh>
    <rPh sb="18" eb="20">
      <t>ジシン</t>
    </rPh>
    <rPh sb="21" eb="22">
      <t>タカラ</t>
    </rPh>
    <rPh sb="23" eb="25">
      <t>デア</t>
    </rPh>
    <rPh sb="26" eb="27">
      <t>ハナシ</t>
    </rPh>
    <phoneticPr fontId="1"/>
  </si>
  <si>
    <t>世界が新型コロナウイルス感染症の関係で外出しにくい状況ですが、このような時だからこそ読書をすることで、心の栄養、癒しを味わってもらい、人生を前進してもらいたいという気持ちで選定しました。</t>
    <rPh sb="0" eb="2">
      <t>セカイ</t>
    </rPh>
    <rPh sb="3" eb="5">
      <t>シンガタ</t>
    </rPh>
    <rPh sb="12" eb="15">
      <t>カンセンショウ</t>
    </rPh>
    <rPh sb="16" eb="18">
      <t>カンケイ</t>
    </rPh>
    <rPh sb="19" eb="21">
      <t>ガイシュツ</t>
    </rPh>
    <rPh sb="25" eb="27">
      <t>ジョウキョウ</t>
    </rPh>
    <rPh sb="36" eb="37">
      <t>トキ</t>
    </rPh>
    <rPh sb="42" eb="44">
      <t>ドクショ</t>
    </rPh>
    <rPh sb="51" eb="52">
      <t>ココロ</t>
    </rPh>
    <rPh sb="53" eb="55">
      <t>エイヨウ</t>
    </rPh>
    <rPh sb="56" eb="57">
      <t>イヤ</t>
    </rPh>
    <rPh sb="59" eb="60">
      <t>アジ</t>
    </rPh>
    <rPh sb="67" eb="69">
      <t>ジンセイ</t>
    </rPh>
    <rPh sb="70" eb="72">
      <t>ゼンシン</t>
    </rPh>
    <rPh sb="82" eb="84">
      <t>キモ</t>
    </rPh>
    <rPh sb="86" eb="88">
      <t>センテイ</t>
    </rPh>
    <phoneticPr fontId="1"/>
  </si>
  <si>
    <t>高校生活最後の大イベント”歩行祭”の中の青春が描かれる</t>
    <rPh sb="0" eb="2">
      <t>コウコウ</t>
    </rPh>
    <rPh sb="2" eb="4">
      <t>セイカツ</t>
    </rPh>
    <rPh sb="4" eb="6">
      <t>サイゴ</t>
    </rPh>
    <rPh sb="7" eb="8">
      <t>ダイ</t>
    </rPh>
    <rPh sb="13" eb="15">
      <t>ホコウ</t>
    </rPh>
    <rPh sb="15" eb="16">
      <t>サイ</t>
    </rPh>
    <rPh sb="18" eb="19">
      <t>ナカ</t>
    </rPh>
    <rPh sb="20" eb="22">
      <t>セイシュン</t>
    </rPh>
    <rPh sb="23" eb="24">
      <t>エガ</t>
    </rPh>
    <phoneticPr fontId="1"/>
  </si>
  <si>
    <t>大好きな少年に会うために周りの人々を幸せにしながら旅する犬の物語</t>
    <rPh sb="0" eb="2">
      <t>ダイス</t>
    </rPh>
    <rPh sb="4" eb="6">
      <t>ショウネン</t>
    </rPh>
    <rPh sb="7" eb="8">
      <t>ア</t>
    </rPh>
    <rPh sb="12" eb="13">
      <t>マワ</t>
    </rPh>
    <rPh sb="15" eb="17">
      <t>ヒトビト</t>
    </rPh>
    <rPh sb="18" eb="19">
      <t>シアワ</t>
    </rPh>
    <rPh sb="25" eb="26">
      <t>タビ</t>
    </rPh>
    <rPh sb="28" eb="29">
      <t>イヌ</t>
    </rPh>
    <rPh sb="30" eb="32">
      <t>モノガタリ</t>
    </rPh>
    <phoneticPr fontId="1"/>
  </si>
  <si>
    <t>小さな男の子が、不思議な異世界へ行き、楽しい時間を過ごす</t>
    <rPh sb="0" eb="1">
      <t>チイ</t>
    </rPh>
    <rPh sb="3" eb="4">
      <t>オトコ</t>
    </rPh>
    <rPh sb="5" eb="6">
      <t>コ</t>
    </rPh>
    <rPh sb="8" eb="11">
      <t>フシギ</t>
    </rPh>
    <rPh sb="12" eb="15">
      <t>イセカイ</t>
    </rPh>
    <rPh sb="16" eb="17">
      <t>イ</t>
    </rPh>
    <rPh sb="19" eb="20">
      <t>タノ</t>
    </rPh>
    <rPh sb="22" eb="24">
      <t>ジカン</t>
    </rPh>
    <rPh sb="25" eb="26">
      <t>ス</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4">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s>
  <cellStyleXfs count="1">
    <xf numFmtId="0" fontId="0" fillId="0" borderId="0"/>
  </cellStyleXfs>
  <cellXfs count="37">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0" borderId="1" xfId="0" applyNumberFormat="1" applyFont="1" applyFill="1" applyBorder="1" applyAlignment="1">
      <alignment horizontal="center" vertical="center"/>
    </xf>
    <xf numFmtId="49" fontId="4"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0" fontId="3" fillId="5" borderId="0" xfId="0" applyFont="1" applyFill="1" applyBorder="1" applyAlignment="1">
      <alignment horizontal="center"/>
    </xf>
    <xf numFmtId="0" fontId="9" fillId="0" borderId="3" xfId="0" applyFont="1" applyFill="1" applyBorder="1" applyAlignment="1">
      <alignment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xf numFmtId="0" fontId="9" fillId="0" borderId="9" xfId="0" applyFont="1" applyFill="1" applyBorder="1" applyAlignment="1">
      <alignment vertical="center"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8" fillId="5" borderId="12" xfId="0" applyFont="1" applyFill="1" applyBorder="1" applyAlignment="1">
      <alignment horizontal="center" vertical="center"/>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8"/>
  <sheetViews>
    <sheetView tabSelected="1" view="pageBreakPreview" zoomScaleNormal="100" zoomScaleSheetLayoutView="100" workbookViewId="0">
      <selection activeCell="I10" sqref="I10:K10"/>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19" t="s">
        <v>797</v>
      </c>
      <c r="D1" s="19"/>
      <c r="E1" s="19"/>
      <c r="F1" s="19"/>
      <c r="G1" s="19"/>
      <c r="H1" s="19"/>
      <c r="I1" s="19"/>
      <c r="J1" s="19"/>
      <c r="K1" s="4"/>
      <c r="L1" s="4"/>
    </row>
    <row r="2" spans="1:12" ht="18" customHeight="1">
      <c r="A2" s="7"/>
      <c r="B2" s="8"/>
      <c r="C2" s="9"/>
      <c r="D2" s="9"/>
      <c r="E2" s="9"/>
      <c r="F2" s="9"/>
      <c r="G2" s="9"/>
      <c r="H2" s="7"/>
      <c r="I2" s="7"/>
      <c r="J2" s="7"/>
      <c r="K2" s="7"/>
      <c r="L2" s="7"/>
    </row>
    <row r="3" spans="1:12" ht="35.1" customHeight="1">
      <c r="A3" s="7"/>
      <c r="B3" s="14" t="s">
        <v>5</v>
      </c>
      <c r="C3" s="29" t="s">
        <v>881</v>
      </c>
      <c r="D3" s="29"/>
      <c r="E3" s="30" t="s">
        <v>882</v>
      </c>
      <c r="F3" s="30"/>
      <c r="G3" s="31" t="s">
        <v>796</v>
      </c>
      <c r="H3" s="32"/>
      <c r="I3" s="16" t="s">
        <v>798</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34" t="s">
        <v>884</v>
      </c>
      <c r="C6" s="35"/>
      <c r="D6" s="35"/>
      <c r="E6" s="35"/>
      <c r="F6" s="35"/>
      <c r="G6" s="35"/>
      <c r="H6" s="35"/>
      <c r="I6" s="35"/>
      <c r="J6" s="35"/>
      <c r="K6" s="36"/>
      <c r="L6" s="7"/>
    </row>
    <row r="7" spans="1:12">
      <c r="A7" s="7"/>
      <c r="B7" s="11"/>
      <c r="C7" s="7"/>
      <c r="D7" s="7"/>
      <c r="E7" s="12"/>
      <c r="F7" s="7"/>
      <c r="G7" s="7"/>
      <c r="H7" s="7"/>
      <c r="I7" s="7"/>
      <c r="J7" s="7"/>
      <c r="K7" s="7"/>
      <c r="L7" s="7"/>
    </row>
    <row r="8" spans="1:12" ht="54.75" customHeight="1" thickBot="1">
      <c r="A8" s="7"/>
      <c r="B8" s="15" t="s">
        <v>3</v>
      </c>
      <c r="C8" s="33" t="s">
        <v>0</v>
      </c>
      <c r="D8" s="33"/>
      <c r="E8" s="33" t="s">
        <v>2</v>
      </c>
      <c r="F8" s="33"/>
      <c r="G8" s="33" t="s">
        <v>1</v>
      </c>
      <c r="H8" s="33"/>
      <c r="I8" s="23" t="s">
        <v>4</v>
      </c>
      <c r="J8" s="24"/>
      <c r="K8" s="25"/>
      <c r="L8" s="7"/>
    </row>
    <row r="9" spans="1:12" ht="30" customHeight="1" thickTop="1">
      <c r="A9" s="13">
        <v>1</v>
      </c>
      <c r="B9" s="17" t="s">
        <v>799</v>
      </c>
      <c r="C9" s="26" t="s">
        <v>800</v>
      </c>
      <c r="D9" s="26"/>
      <c r="E9" s="26" t="s">
        <v>801</v>
      </c>
      <c r="F9" s="26"/>
      <c r="G9" s="26" t="s">
        <v>802</v>
      </c>
      <c r="H9" s="26"/>
      <c r="I9" s="27" t="s">
        <v>803</v>
      </c>
      <c r="J9" s="27"/>
      <c r="K9" s="28"/>
      <c r="L9" s="7"/>
    </row>
    <row r="10" spans="1:12" ht="30" customHeight="1">
      <c r="A10" s="13">
        <v>2</v>
      </c>
      <c r="B10" s="18" t="s">
        <v>878</v>
      </c>
      <c r="C10" s="20" t="s">
        <v>804</v>
      </c>
      <c r="D10" s="20"/>
      <c r="E10" s="20" t="s">
        <v>805</v>
      </c>
      <c r="F10" s="20"/>
      <c r="G10" s="20" t="s">
        <v>806</v>
      </c>
      <c r="H10" s="20"/>
      <c r="I10" s="21" t="s">
        <v>807</v>
      </c>
      <c r="J10" s="21"/>
      <c r="K10" s="22"/>
      <c r="L10" s="7"/>
    </row>
    <row r="11" spans="1:12" ht="30" customHeight="1">
      <c r="A11" s="13">
        <v>3</v>
      </c>
      <c r="B11" s="18" t="s">
        <v>831</v>
      </c>
      <c r="C11" s="20" t="s">
        <v>832</v>
      </c>
      <c r="D11" s="20"/>
      <c r="E11" s="20" t="s">
        <v>833</v>
      </c>
      <c r="F11" s="20"/>
      <c r="G11" s="20" t="s">
        <v>834</v>
      </c>
      <c r="H11" s="20"/>
      <c r="I11" s="21" t="s">
        <v>846</v>
      </c>
      <c r="J11" s="21"/>
      <c r="K11" s="22"/>
      <c r="L11" s="7"/>
    </row>
    <row r="12" spans="1:12" ht="30" customHeight="1">
      <c r="A12" s="13">
        <v>4</v>
      </c>
      <c r="B12" s="18" t="s">
        <v>856</v>
      </c>
      <c r="C12" s="20" t="s">
        <v>857</v>
      </c>
      <c r="D12" s="20"/>
      <c r="E12" s="20" t="s">
        <v>858</v>
      </c>
      <c r="F12" s="20"/>
      <c r="G12" s="20" t="s">
        <v>859</v>
      </c>
      <c r="H12" s="20"/>
      <c r="I12" s="21" t="s">
        <v>870</v>
      </c>
      <c r="J12" s="21"/>
      <c r="K12" s="22"/>
      <c r="L12" s="7"/>
    </row>
    <row r="13" spans="1:12" ht="30" customHeight="1">
      <c r="A13" s="13">
        <v>5</v>
      </c>
      <c r="B13" s="18" t="s">
        <v>879</v>
      </c>
      <c r="C13" s="20" t="s">
        <v>814</v>
      </c>
      <c r="D13" s="20"/>
      <c r="E13" s="20" t="s">
        <v>815</v>
      </c>
      <c r="F13" s="20"/>
      <c r="G13" s="20" t="s">
        <v>817</v>
      </c>
      <c r="H13" s="20"/>
      <c r="I13" s="21" t="s">
        <v>843</v>
      </c>
      <c r="J13" s="21"/>
      <c r="K13" s="22"/>
      <c r="L13" s="7"/>
    </row>
    <row r="14" spans="1:12" ht="30" customHeight="1">
      <c r="A14" s="13">
        <v>6</v>
      </c>
      <c r="B14" s="18" t="s">
        <v>879</v>
      </c>
      <c r="C14" s="20" t="s">
        <v>818</v>
      </c>
      <c r="D14" s="20"/>
      <c r="E14" s="20" t="s">
        <v>815</v>
      </c>
      <c r="F14" s="20"/>
      <c r="G14" s="20" t="s">
        <v>819</v>
      </c>
      <c r="H14" s="20"/>
      <c r="I14" s="21" t="s">
        <v>885</v>
      </c>
      <c r="J14" s="21"/>
      <c r="K14" s="22"/>
      <c r="L14" s="7"/>
    </row>
    <row r="15" spans="1:12" ht="30" customHeight="1">
      <c r="A15" s="13">
        <v>7</v>
      </c>
      <c r="B15" s="18" t="s">
        <v>879</v>
      </c>
      <c r="C15" s="20" t="s">
        <v>820</v>
      </c>
      <c r="D15" s="20"/>
      <c r="E15" s="20" t="s">
        <v>821</v>
      </c>
      <c r="F15" s="20"/>
      <c r="G15" s="20" t="s">
        <v>822</v>
      </c>
      <c r="H15" s="20"/>
      <c r="I15" s="21" t="s">
        <v>844</v>
      </c>
      <c r="J15" s="21"/>
      <c r="K15" s="22"/>
      <c r="L15" s="7"/>
    </row>
    <row r="16" spans="1:12" ht="30" customHeight="1">
      <c r="A16" s="13">
        <v>8</v>
      </c>
      <c r="B16" s="18" t="s">
        <v>879</v>
      </c>
      <c r="C16" s="20" t="s">
        <v>823</v>
      </c>
      <c r="D16" s="20"/>
      <c r="E16" s="20" t="s">
        <v>824</v>
      </c>
      <c r="F16" s="20"/>
      <c r="G16" s="20" t="s">
        <v>810</v>
      </c>
      <c r="H16" s="20"/>
      <c r="I16" s="21" t="s">
        <v>845</v>
      </c>
      <c r="J16" s="21"/>
      <c r="K16" s="22"/>
      <c r="L16" s="7"/>
    </row>
    <row r="17" spans="1:12" ht="30" customHeight="1">
      <c r="A17" s="13">
        <v>9</v>
      </c>
      <c r="B17" s="18" t="s">
        <v>879</v>
      </c>
      <c r="C17" s="20" t="s">
        <v>825</v>
      </c>
      <c r="D17" s="20"/>
      <c r="E17" s="20" t="s">
        <v>826</v>
      </c>
      <c r="F17" s="20"/>
      <c r="G17" s="20" t="s">
        <v>827</v>
      </c>
      <c r="H17" s="20"/>
      <c r="I17" s="21" t="s">
        <v>883</v>
      </c>
      <c r="J17" s="21"/>
      <c r="K17" s="22"/>
      <c r="L17" s="7"/>
    </row>
    <row r="18" spans="1:12" ht="30" customHeight="1">
      <c r="A18" s="13">
        <v>10</v>
      </c>
      <c r="B18" s="18" t="s">
        <v>879</v>
      </c>
      <c r="C18" s="20" t="s">
        <v>828</v>
      </c>
      <c r="D18" s="20"/>
      <c r="E18" s="20" t="s">
        <v>829</v>
      </c>
      <c r="F18" s="20"/>
      <c r="G18" s="20" t="s">
        <v>830</v>
      </c>
      <c r="H18" s="20"/>
      <c r="I18" s="21" t="s">
        <v>886</v>
      </c>
      <c r="J18" s="21"/>
      <c r="K18" s="22"/>
      <c r="L18" s="7"/>
    </row>
    <row r="19" spans="1:12" ht="30" customHeight="1">
      <c r="A19" s="13">
        <v>11</v>
      </c>
      <c r="B19" s="18" t="s">
        <v>879</v>
      </c>
      <c r="C19" s="20" t="s">
        <v>812</v>
      </c>
      <c r="D19" s="20"/>
      <c r="E19" s="20" t="s">
        <v>816</v>
      </c>
      <c r="F19" s="20"/>
      <c r="G19" s="20" t="s">
        <v>813</v>
      </c>
      <c r="H19" s="20"/>
      <c r="I19" s="21" t="s">
        <v>842</v>
      </c>
      <c r="J19" s="21"/>
      <c r="K19" s="22"/>
      <c r="L19" s="7"/>
    </row>
    <row r="20" spans="1:12" ht="35.25" customHeight="1">
      <c r="A20" s="13">
        <v>12</v>
      </c>
      <c r="B20" s="18" t="s">
        <v>877</v>
      </c>
      <c r="C20" s="20" t="s">
        <v>860</v>
      </c>
      <c r="D20" s="20"/>
      <c r="E20" s="20" t="s">
        <v>861</v>
      </c>
      <c r="F20" s="20"/>
      <c r="G20" s="20" t="s">
        <v>862</v>
      </c>
      <c r="H20" s="20"/>
      <c r="I20" s="21" t="s">
        <v>863</v>
      </c>
      <c r="J20" s="21"/>
      <c r="K20" s="22"/>
      <c r="L20" s="7"/>
    </row>
    <row r="21" spans="1:12" ht="30" customHeight="1">
      <c r="A21" s="13">
        <v>13</v>
      </c>
      <c r="B21" s="18" t="s">
        <v>879</v>
      </c>
      <c r="C21" s="20" t="s">
        <v>808</v>
      </c>
      <c r="D21" s="20"/>
      <c r="E21" s="20" t="s">
        <v>809</v>
      </c>
      <c r="F21" s="20"/>
      <c r="G21" s="20" t="s">
        <v>810</v>
      </c>
      <c r="H21" s="20"/>
      <c r="I21" s="21" t="s">
        <v>811</v>
      </c>
      <c r="J21" s="21"/>
      <c r="K21" s="22"/>
      <c r="L21" s="7"/>
    </row>
    <row r="22" spans="1:12" ht="36" customHeight="1">
      <c r="A22" s="13">
        <v>14</v>
      </c>
      <c r="B22" s="18" t="s">
        <v>851</v>
      </c>
      <c r="C22" s="20" t="s">
        <v>852</v>
      </c>
      <c r="D22" s="20"/>
      <c r="E22" s="20" t="s">
        <v>853</v>
      </c>
      <c r="F22" s="20"/>
      <c r="G22" s="20" t="s">
        <v>854</v>
      </c>
      <c r="H22" s="20"/>
      <c r="I22" s="21" t="s">
        <v>855</v>
      </c>
      <c r="J22" s="21"/>
      <c r="K22" s="22"/>
      <c r="L22" s="7"/>
    </row>
    <row r="23" spans="1:12" ht="30" customHeight="1">
      <c r="A23" s="13">
        <v>15</v>
      </c>
      <c r="B23" s="18" t="s">
        <v>877</v>
      </c>
      <c r="C23" s="20" t="s">
        <v>876</v>
      </c>
      <c r="D23" s="20"/>
      <c r="E23" s="20" t="s">
        <v>864</v>
      </c>
      <c r="F23" s="20"/>
      <c r="G23" s="20" t="s">
        <v>865</v>
      </c>
      <c r="H23" s="20"/>
      <c r="I23" s="21" t="s">
        <v>887</v>
      </c>
      <c r="J23" s="21"/>
      <c r="K23" s="22"/>
      <c r="L23" s="7"/>
    </row>
    <row r="24" spans="1:12" ht="30" customHeight="1">
      <c r="A24" s="13">
        <v>16</v>
      </c>
      <c r="B24" s="18" t="s">
        <v>875</v>
      </c>
      <c r="C24" s="20" t="s">
        <v>866</v>
      </c>
      <c r="D24" s="20"/>
      <c r="E24" s="20" t="s">
        <v>867</v>
      </c>
      <c r="F24" s="20"/>
      <c r="G24" s="20" t="s">
        <v>868</v>
      </c>
      <c r="H24" s="20"/>
      <c r="I24" s="21" t="s">
        <v>869</v>
      </c>
      <c r="J24" s="21"/>
      <c r="K24" s="22"/>
      <c r="L24" s="7"/>
    </row>
    <row r="25" spans="1:12" ht="30" customHeight="1">
      <c r="A25" s="13">
        <v>17</v>
      </c>
      <c r="B25" s="18" t="s">
        <v>875</v>
      </c>
      <c r="C25" s="20" t="s">
        <v>871</v>
      </c>
      <c r="D25" s="20"/>
      <c r="E25" s="20" t="s">
        <v>872</v>
      </c>
      <c r="F25" s="20"/>
      <c r="G25" s="20" t="s">
        <v>873</v>
      </c>
      <c r="H25" s="20"/>
      <c r="I25" s="21" t="s">
        <v>874</v>
      </c>
      <c r="J25" s="21"/>
      <c r="K25" s="22"/>
      <c r="L25" s="7"/>
    </row>
    <row r="26" spans="1:12" ht="30" customHeight="1">
      <c r="A26" s="13">
        <v>18</v>
      </c>
      <c r="B26" s="18" t="s">
        <v>875</v>
      </c>
      <c r="C26" s="20" t="s">
        <v>847</v>
      </c>
      <c r="D26" s="20"/>
      <c r="E26" s="20" t="s">
        <v>848</v>
      </c>
      <c r="F26" s="20"/>
      <c r="G26" s="20" t="s">
        <v>849</v>
      </c>
      <c r="H26" s="20"/>
      <c r="I26" s="21" t="s">
        <v>850</v>
      </c>
      <c r="J26" s="21"/>
      <c r="K26" s="22"/>
      <c r="L26" s="7"/>
    </row>
    <row r="27" spans="1:12" ht="30" customHeight="1">
      <c r="A27" s="13">
        <v>19</v>
      </c>
      <c r="B27" s="18" t="s">
        <v>875</v>
      </c>
      <c r="C27" s="20" t="s">
        <v>838</v>
      </c>
      <c r="D27" s="20"/>
      <c r="E27" s="20" t="s">
        <v>839</v>
      </c>
      <c r="F27" s="20"/>
      <c r="G27" s="20" t="s">
        <v>840</v>
      </c>
      <c r="H27" s="20"/>
      <c r="I27" s="21" t="s">
        <v>841</v>
      </c>
      <c r="J27" s="21"/>
      <c r="K27" s="22"/>
      <c r="L27" s="7"/>
    </row>
    <row r="28" spans="1:12" ht="30" customHeight="1">
      <c r="A28" s="13">
        <v>20</v>
      </c>
      <c r="B28" s="18" t="s">
        <v>875</v>
      </c>
      <c r="C28" s="20" t="s">
        <v>835</v>
      </c>
      <c r="D28" s="20"/>
      <c r="E28" s="20" t="s">
        <v>880</v>
      </c>
      <c r="F28" s="20"/>
      <c r="G28" s="20" t="s">
        <v>836</v>
      </c>
      <c r="H28" s="20"/>
      <c r="I28" s="21" t="s">
        <v>837</v>
      </c>
      <c r="J28" s="21"/>
      <c r="K28" s="22"/>
      <c r="L28" s="7"/>
    </row>
  </sheetData>
  <mergeCells count="89">
    <mergeCell ref="C28:D28"/>
    <mergeCell ref="E28:F28"/>
    <mergeCell ref="G28:H28"/>
    <mergeCell ref="I28:K28"/>
    <mergeCell ref="C27:D27"/>
    <mergeCell ref="E27:F27"/>
    <mergeCell ref="G27:H27"/>
    <mergeCell ref="I27:K27"/>
    <mergeCell ref="C25:D25"/>
    <mergeCell ref="E25:F25"/>
    <mergeCell ref="G25:H25"/>
    <mergeCell ref="B6:K6"/>
    <mergeCell ref="C26:D26"/>
    <mergeCell ref="E26:F26"/>
    <mergeCell ref="G26:H26"/>
    <mergeCell ref="I26:K26"/>
    <mergeCell ref="I25:K25"/>
    <mergeCell ref="I23:K23"/>
    <mergeCell ref="E24:F24"/>
    <mergeCell ref="C24:D24"/>
    <mergeCell ref="C23:D23"/>
    <mergeCell ref="G24:H24"/>
    <mergeCell ref="I24:K24"/>
    <mergeCell ref="E23:F23"/>
    <mergeCell ref="G23:H23"/>
    <mergeCell ref="I19:K19"/>
    <mergeCell ref="C22:D22"/>
    <mergeCell ref="E22:F22"/>
    <mergeCell ref="G22:H22"/>
    <mergeCell ref="I22:K22"/>
    <mergeCell ref="C20:D20"/>
    <mergeCell ref="I20:K20"/>
    <mergeCell ref="I21:K21"/>
    <mergeCell ref="E20:F20"/>
    <mergeCell ref="G20:H20"/>
    <mergeCell ref="C21:D21"/>
    <mergeCell ref="E21:F21"/>
    <mergeCell ref="G21:H21"/>
    <mergeCell ref="C3:D3"/>
    <mergeCell ref="E3:F3"/>
    <mergeCell ref="G3:H3"/>
    <mergeCell ref="C19:D19"/>
    <mergeCell ref="E19:F19"/>
    <mergeCell ref="G19:H19"/>
    <mergeCell ref="C8:D8"/>
    <mergeCell ref="E8:F8"/>
    <mergeCell ref="G8:H8"/>
    <mergeCell ref="I8:K8"/>
    <mergeCell ref="C18:D18"/>
    <mergeCell ref="E18:F18"/>
    <mergeCell ref="G18:H18"/>
    <mergeCell ref="I18:K18"/>
    <mergeCell ref="C9:D9"/>
    <mergeCell ref="E9:F9"/>
    <mergeCell ref="G9:H9"/>
    <mergeCell ref="I9:K9"/>
    <mergeCell ref="C10:D10"/>
    <mergeCell ref="E10:F10"/>
    <mergeCell ref="G10:H10"/>
    <mergeCell ref="I10:K10"/>
    <mergeCell ref="C11:D11"/>
    <mergeCell ref="E11:F11"/>
    <mergeCell ref="G11:H11"/>
    <mergeCell ref="I11:K11"/>
    <mergeCell ref="I14:K14"/>
    <mergeCell ref="C12:D12"/>
    <mergeCell ref="E12:F12"/>
    <mergeCell ref="G12:H12"/>
    <mergeCell ref="I12:K12"/>
    <mergeCell ref="C13:D13"/>
    <mergeCell ref="E13:F13"/>
    <mergeCell ref="G13:H13"/>
    <mergeCell ref="I13:K13"/>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s>
  <phoneticPr fontId="1"/>
  <dataValidations count="1">
    <dataValidation imeMode="hiragana" allowBlank="1" showInputMessage="1" showErrorMessage="1" sqref="B6"/>
  </dataValidations>
  <pageMargins left="0.7" right="0.7" top="0.75" bottom="0.75" header="0.3" footer="0.3"/>
  <pageSetup paperSize="9" scale="85"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2-18T05:56:13Z</cp:lastPrinted>
  <dcterms:created xsi:type="dcterms:W3CDTF">2004-01-30T10:40:15Z</dcterms:created>
  <dcterms:modified xsi:type="dcterms:W3CDTF">2021-08-18T05:07:38Z</dcterms:modified>
</cp:coreProperties>
</file>